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3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501743\Documents\Learning\SM\"/>
    </mc:Choice>
  </mc:AlternateContent>
  <xr:revisionPtr revIDLastSave="0" documentId="8_{0C7ABC29-F9C5-44D1-A6CD-A71F3E7808B2}" xr6:coauthVersionLast="41" xr6:coauthVersionMax="41" xr10:uidLastSave="{00000000-0000-0000-0000-000000000000}"/>
  <bookViews>
    <workbookView xWindow="-110" yWindow="-110" windowWidth="19420" windowHeight="10420" xr2:uid="{352B1B8C-6A92-4856-AA47-7B050045E324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176" uniqueCount="153">
  <si>
    <t>Supplier profile field</t>
  </si>
  <si>
    <t>Ariba Network field mapping</t>
  </si>
  <si>
    <t>Company Name</t>
  </si>
  <si>
    <t>network.org.name</t>
  </si>
  <si>
    <t>Business Title</t>
  </si>
  <si>
    <t>network.contacts.title</t>
  </si>
  <si>
    <t>Email</t>
  </si>
  <si>
    <t>network.contacts.email</t>
  </si>
  <si>
    <t>NetworkId</t>
  </si>
  <si>
    <t>network.org.anId</t>
  </si>
  <si>
    <t>Phone</t>
  </si>
  <si>
    <t>network.contacts.telephone</t>
  </si>
  <si>
    <t>Short Description</t>
  </si>
  <si>
    <t>network.org.description</t>
  </si>
  <si>
    <t>Fax</t>
  </si>
  <si>
    <t>network.contacts.fax</t>
  </si>
  <si>
    <t>Name</t>
  </si>
  <si>
    <t>Website</t>
  </si>
  <si>
    <t>network.legal.address.url</t>
  </si>
  <si>
    <t>Address 1</t>
  </si>
  <si>
    <t>network.contacts.line1</t>
  </si>
  <si>
    <t>Public Profile</t>
  </si>
  <si>
    <t>network.org.anLogoURL</t>
  </si>
  <si>
    <t>Address 2</t>
  </si>
  <si>
    <t>network.contacts.line2</t>
  </si>
  <si>
    <t>Address Name</t>
  </si>
  <si>
    <t>network.legal.address.addressName</t>
  </si>
  <si>
    <t>Address 3</t>
  </si>
  <si>
    <t>network.contacts.line3</t>
  </si>
  <si>
    <t>Address ID</t>
  </si>
  <si>
    <t>network.legal.address.addressType</t>
  </si>
  <si>
    <t>City</t>
  </si>
  <si>
    <t>network.contacts.city</t>
  </si>
  <si>
    <t>network.legal.address.line1</t>
  </si>
  <si>
    <t>network.contacts.district</t>
  </si>
  <si>
    <t>network.legal.address.line2</t>
  </si>
  <si>
    <t>State</t>
  </si>
  <si>
    <t>network.contacts.state</t>
  </si>
  <si>
    <t>network.legal.address.line3</t>
  </si>
  <si>
    <t>Province</t>
  </si>
  <si>
    <t>network.contacts.province</t>
  </si>
  <si>
    <t>network.legal.address.city</t>
  </si>
  <si>
    <t>Region</t>
  </si>
  <si>
    <t>network.contacts.region</t>
  </si>
  <si>
    <t>network.legal.address.district</t>
  </si>
  <si>
    <t>Country</t>
  </si>
  <si>
    <t>network.contacts.countryCode</t>
  </si>
  <si>
    <t>network.legal.address.state</t>
  </si>
  <si>
    <t>Postal Code</t>
  </si>
  <si>
    <t>network.contacts.postalCode</t>
  </si>
  <si>
    <t>network.legal.address.province</t>
  </si>
  <si>
    <t>PO Box</t>
  </si>
  <si>
    <t>network.contacts.poBox</t>
  </si>
  <si>
    <t>network.legal.address.region</t>
  </si>
  <si>
    <t>Business Role</t>
  </si>
  <si>
    <t>network.contacts.departmentFunction</t>
  </si>
  <si>
    <t>network.legal.address.countryCode</t>
  </si>
  <si>
    <t>network.legal.address.postalCode</t>
  </si>
  <si>
    <t>network.legal.address.poBox</t>
  </si>
  <si>
    <t>Address</t>
  </si>
  <si>
    <t>network.legal.address</t>
  </si>
  <si>
    <t>Extended Address</t>
  </si>
  <si>
    <t>network.legal.addressExt.postal</t>
  </si>
  <si>
    <t>Product and Service Categories</t>
  </si>
  <si>
    <t>network.org.categories</t>
  </si>
  <si>
    <t>Ship-to or Service Locations</t>
  </si>
  <si>
    <t>network.org.serviceLocations</t>
  </si>
  <si>
    <t>Industries</t>
  </si>
  <si>
    <t>network.org.industries</t>
  </si>
  <si>
    <t>Year Founded</t>
  </si>
  <si>
    <t>network.corporate.yearFounded</t>
  </si>
  <si>
    <t>Number of Employees</t>
  </si>
  <si>
    <t>network.corporate.numberOfEmployees</t>
  </si>
  <si>
    <t>Annual Revenue</t>
  </si>
  <si>
    <t>Stock Symbol</t>
  </si>
  <si>
    <t>network.corporate.stockSymbol</t>
  </si>
  <si>
    <t>Type of Organization</t>
  </si>
  <si>
    <t>network.corporate.businessType</t>
  </si>
  <si>
    <t>Legal Name</t>
  </si>
  <si>
    <t>network.corporate.legalName</t>
  </si>
  <si>
    <t>State of Incorporation</t>
  </si>
  <si>
    <t>network.corporate.stateOfIncorporation</t>
  </si>
  <si>
    <t>D-U-N-S Number</t>
  </si>
  <si>
    <t>network.org.dunsId</t>
  </si>
  <si>
    <t>Global Location Number</t>
  </si>
  <si>
    <t>network.org.globalLocationNumber</t>
  </si>
  <si>
    <t>Tax Classification</t>
  </si>
  <si>
    <t>No mapping supported.</t>
  </si>
  <si>
    <t>Taxation Type</t>
  </si>
  <si>
    <t>Tax ID</t>
  </si>
  <si>
    <t>network.legal.taxId</t>
  </si>
  <si>
    <t>State Tax ID</t>
  </si>
  <si>
    <t>network.legal.stateTaxId</t>
  </si>
  <si>
    <t>Regional Tax ID</t>
  </si>
  <si>
    <t>network.legal.regionalTaxId</t>
  </si>
  <si>
    <t>VAT ID</t>
  </si>
  <si>
    <t>network.legal.vatId</t>
  </si>
  <si>
    <t>VAT Registration Document</t>
  </si>
  <si>
    <t>Tax Clearance</t>
  </si>
  <si>
    <t>Tax Clearance Number</t>
  </si>
  <si>
    <t>Tax Clearance Document</t>
  </si>
  <si>
    <t>Tax Clearance Expiry Date</t>
  </si>
  <si>
    <t>Exempt from Backup Withholding</t>
  </si>
  <si>
    <t>network.legal.isExemptFromBackupWithholding</t>
  </si>
  <si>
    <t>Business Type</t>
  </si>
  <si>
    <t>Company Description</t>
  </si>
  <si>
    <t>network.org.companyFullDescription</t>
  </si>
  <si>
    <t>network.org.greenPlan</t>
  </si>
  <si>
    <t>network.org.greenProductsAndServices</t>
  </si>
  <si>
    <t>network.org.greenEnergy</t>
  </si>
  <si>
    <t>network.org.greenCarbon</t>
  </si>
  <si>
    <t>network.org.greenTransportation</t>
  </si>
  <si>
    <t>Small Disadvantaged Business</t>
  </si>
  <si>
    <t>Women-Owned Business</t>
  </si>
  <si>
    <t>network.org.womanOwned</t>
  </si>
  <si>
    <t>Minority-Owned Business</t>
  </si>
  <si>
    <t>network.org.minorityOwned</t>
  </si>
  <si>
    <t>network.org.minorityAsian</t>
  </si>
  <si>
    <t>network.org.minorityBlack</t>
  </si>
  <si>
    <t>network.org.minorityNativeAmerican</t>
  </si>
  <si>
    <t>network.org.minorityHispanic</t>
  </si>
  <si>
    <t>network.org.IndianSubcontinent</t>
  </si>
  <si>
    <t>network.org.minorityOther</t>
  </si>
  <si>
    <t>network.org.veteranOwned</t>
  </si>
  <si>
    <t>network.org.disabledVeteranOwned</t>
  </si>
  <si>
    <t>network.org.vietnamVeteranOwned</t>
  </si>
  <si>
    <t>ISO Certification</t>
  </si>
  <si>
    <t>Not Certified</t>
  </si>
  <si>
    <t>Preferred Timezone</t>
  </si>
  <si>
    <t>network.org.timezone</t>
  </si>
  <si>
    <t>Default Currency</t>
  </si>
  <si>
    <t>network.org.currency</t>
  </si>
  <si>
    <t>Preferred Language</t>
  </si>
  <si>
    <t>network.org.language</t>
  </si>
  <si>
    <t>Other names, if any (two fields)</t>
  </si>
  <si>
    <t>network.org.alias1 and network.org.alias2</t>
  </si>
  <si>
    <t>network.contacts.firstname and network.contacts.lastName</t>
  </si>
  <si>
    <t>Municipality / Comuna</t>
  </si>
  <si>
    <t>network.corporate.annualRevenueMax, network.corporate.annualRevenueMaxCurrency, network.corporate.annualRevenueMin, network.corporate.annualRevenueMinCurrency</t>
  </si>
  <si>
    <t>Sustainability Initiatives - Plan</t>
  </si>
  <si>
    <t>Sustainability Initiatives - Products &amp; Services</t>
  </si>
  <si>
    <t>Sustainability Initiatives - Energy</t>
  </si>
  <si>
    <t>Sustainability Initiatives - Carbon</t>
  </si>
  <si>
    <t>Sustainability Initiatives - Transportation</t>
  </si>
  <si>
    <t>Minority-Owned Business - Asian</t>
  </si>
  <si>
    <t>Minority-Owned - African American</t>
  </si>
  <si>
    <t>Minority-Owned - Native American</t>
  </si>
  <si>
    <t>Minority-Owned - Hispanic</t>
  </si>
  <si>
    <t>Minority-Owned - Indian Subcontinent</t>
  </si>
  <si>
    <t>Minority Owned - Other</t>
  </si>
  <si>
    <t>Veteran Owned - Veteral Owned</t>
  </si>
  <si>
    <t>Veteran Owned - Disabled Veteran Owned</t>
  </si>
  <si>
    <t>Veteran Owned - Vietnam Veteran Owne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b/>
      <sz val="11"/>
      <color rgb="FF333333"/>
      <name val="Calibri Light"/>
      <family val="2"/>
      <scheme val="major"/>
    </font>
    <font>
      <sz val="11"/>
      <color theme="1"/>
      <name val="Calibri Light"/>
      <family val="2"/>
      <scheme val="major"/>
    </font>
    <font>
      <sz val="11"/>
      <color rgb="FF2F2F2F"/>
      <name val="Calibri Light"/>
      <family val="2"/>
      <scheme val="major"/>
    </font>
    <font>
      <u/>
      <sz val="11"/>
      <color theme="10"/>
      <name val="Calibri Light"/>
      <family val="2"/>
      <scheme val="major"/>
    </font>
    <font>
      <b/>
      <sz val="11"/>
      <color theme="1"/>
      <name val="Calibri Light"/>
      <family val="2"/>
      <scheme val="major"/>
    </font>
    <font>
      <sz val="11"/>
      <color rgb="FF666666"/>
      <name val="Calibri Light"/>
      <family val="2"/>
      <scheme val="major"/>
    </font>
  </fonts>
  <fills count="4">
    <fill>
      <patternFill patternType="none"/>
    </fill>
    <fill>
      <patternFill patternType="gray125"/>
    </fill>
    <fill>
      <patternFill patternType="solid">
        <fgColor rgb="FFD6D7D6"/>
        <bgColor indexed="64"/>
      </patternFill>
    </fill>
    <fill>
      <patternFill patternType="solid">
        <fgColor rgb="FFFFFFFF"/>
        <bgColor indexed="64"/>
      </patternFill>
    </fill>
  </fills>
  <borders count="4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</borders>
  <cellStyleXfs count="2">
    <xf numFmtId="0" fontId="0" fillId="0" borderId="0"/>
    <xf numFmtId="0" fontId="1" fillId="0" borderId="0" applyNumberFormat="0" applyFill="0" applyBorder="0" applyAlignment="0" applyProtection="0"/>
  </cellStyleXfs>
  <cellXfs count="10">
    <xf numFmtId="0" fontId="0" fillId="0" borderId="0" xfId="0"/>
    <xf numFmtId="0" fontId="2" fillId="2" borderId="1" xfId="0" applyFont="1" applyFill="1" applyBorder="1" applyAlignment="1">
      <alignment horizontal="center" vertical="center" wrapText="1"/>
    </xf>
    <xf numFmtId="0" fontId="3" fillId="0" borderId="0" xfId="0" applyFont="1"/>
    <xf numFmtId="0" fontId="5" fillId="3" borderId="3" xfId="1" applyFont="1" applyFill="1" applyBorder="1" applyAlignment="1">
      <alignment vertical="center" wrapText="1"/>
    </xf>
    <xf numFmtId="0" fontId="4" fillId="3" borderId="1" xfId="0" applyFont="1" applyFill="1" applyBorder="1" applyAlignment="1">
      <alignment vertical="center" wrapText="1"/>
    </xf>
    <xf numFmtId="0" fontId="6" fillId="0" borderId="0" xfId="0" applyFont="1"/>
    <xf numFmtId="0" fontId="4" fillId="3" borderId="2" xfId="0" applyFont="1" applyFill="1" applyBorder="1" applyAlignment="1">
      <alignment vertical="center" wrapText="1"/>
    </xf>
    <xf numFmtId="0" fontId="4" fillId="3" borderId="2" xfId="0" applyFont="1" applyFill="1" applyBorder="1" applyAlignment="1">
      <alignment vertical="center" wrapText="1"/>
    </xf>
    <xf numFmtId="0" fontId="4" fillId="3" borderId="3" xfId="0" applyFont="1" applyFill="1" applyBorder="1" applyAlignment="1">
      <alignment vertical="center" wrapText="1"/>
    </xf>
    <xf numFmtId="0" fontId="7" fillId="3" borderId="3" xfId="0" applyFont="1" applyFill="1" applyBorder="1" applyAlignment="1">
      <alignment vertical="center" wrapText="1"/>
    </xf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5360CE-E194-40C6-8455-F6841624EA2D}">
  <dimension ref="A1:E104"/>
  <sheetViews>
    <sheetView tabSelected="1" workbookViewId="0"/>
  </sheetViews>
  <sheetFormatPr defaultColWidth="29.6328125" defaultRowHeight="14.5" x14ac:dyDescent="0.35"/>
  <cols>
    <col min="1" max="16384" width="29.6328125" style="2"/>
  </cols>
  <sheetData>
    <row r="1" spans="1:5" s="5" customFormat="1" x14ac:dyDescent="0.35">
      <c r="A1" s="1" t="s">
        <v>0</v>
      </c>
      <c r="B1" s="1" t="s">
        <v>1</v>
      </c>
      <c r="D1" s="1" t="s">
        <v>0</v>
      </c>
      <c r="E1" s="1" t="s">
        <v>1</v>
      </c>
    </row>
    <row r="2" spans="1:5" x14ac:dyDescent="0.35">
      <c r="A2" s="4" t="s">
        <v>2</v>
      </c>
      <c r="B2" s="4" t="s">
        <v>3</v>
      </c>
      <c r="D2" s="4" t="s">
        <v>4</v>
      </c>
      <c r="E2" s="4" t="s">
        <v>5</v>
      </c>
    </row>
    <row r="3" spans="1:5" ht="29" x14ac:dyDescent="0.35">
      <c r="A3" s="4" t="s">
        <v>134</v>
      </c>
      <c r="B3" s="4" t="s">
        <v>135</v>
      </c>
      <c r="D3" s="4" t="s">
        <v>6</v>
      </c>
      <c r="E3" s="4" t="s">
        <v>7</v>
      </c>
    </row>
    <row r="4" spans="1:5" x14ac:dyDescent="0.35">
      <c r="A4" s="4" t="s">
        <v>8</v>
      </c>
      <c r="B4" s="4" t="s">
        <v>9</v>
      </c>
      <c r="D4" s="4" t="s">
        <v>10</v>
      </c>
      <c r="E4" s="4" t="s">
        <v>11</v>
      </c>
    </row>
    <row r="5" spans="1:5" x14ac:dyDescent="0.35">
      <c r="A5" s="6" t="s">
        <v>12</v>
      </c>
      <c r="B5" s="7" t="s">
        <v>13</v>
      </c>
      <c r="D5" s="4" t="s">
        <v>14</v>
      </c>
      <c r="E5" s="4" t="s">
        <v>15</v>
      </c>
    </row>
    <row r="6" spans="1:5" ht="29" x14ac:dyDescent="0.35">
      <c r="A6" s="8"/>
      <c r="B6" s="9"/>
      <c r="D6" s="4" t="s">
        <v>16</v>
      </c>
      <c r="E6" s="4" t="s">
        <v>136</v>
      </c>
    </row>
    <row r="7" spans="1:5" x14ac:dyDescent="0.35">
      <c r="A7" s="4" t="s">
        <v>17</v>
      </c>
      <c r="B7" s="4" t="s">
        <v>18</v>
      </c>
      <c r="D7" s="4" t="s">
        <v>19</v>
      </c>
      <c r="E7" s="4" t="s">
        <v>20</v>
      </c>
    </row>
    <row r="8" spans="1:5" x14ac:dyDescent="0.35">
      <c r="A8" s="4" t="s">
        <v>21</v>
      </c>
      <c r="B8" s="4" t="s">
        <v>22</v>
      </c>
      <c r="D8" s="4" t="s">
        <v>23</v>
      </c>
      <c r="E8" s="4" t="s">
        <v>24</v>
      </c>
    </row>
    <row r="9" spans="1:5" ht="29" x14ac:dyDescent="0.35">
      <c r="A9" s="4" t="s">
        <v>25</v>
      </c>
      <c r="B9" s="4" t="s">
        <v>26</v>
      </c>
      <c r="D9" s="4" t="s">
        <v>27</v>
      </c>
      <c r="E9" s="4" t="s">
        <v>28</v>
      </c>
    </row>
    <row r="10" spans="1:5" x14ac:dyDescent="0.35">
      <c r="A10" s="4" t="s">
        <v>29</v>
      </c>
      <c r="B10" s="4" t="s">
        <v>30</v>
      </c>
      <c r="D10" s="4" t="s">
        <v>31</v>
      </c>
      <c r="E10" s="4" t="s">
        <v>32</v>
      </c>
    </row>
    <row r="11" spans="1:5" x14ac:dyDescent="0.35">
      <c r="A11" s="4" t="s">
        <v>19</v>
      </c>
      <c r="B11" s="4" t="s">
        <v>33</v>
      </c>
      <c r="D11" s="4" t="s">
        <v>137</v>
      </c>
      <c r="E11" s="4" t="s">
        <v>34</v>
      </c>
    </row>
    <row r="12" spans="1:5" x14ac:dyDescent="0.35">
      <c r="A12" s="4" t="s">
        <v>23</v>
      </c>
      <c r="B12" s="4" t="s">
        <v>35</v>
      </c>
      <c r="D12" s="4" t="s">
        <v>36</v>
      </c>
      <c r="E12" s="4" t="s">
        <v>37</v>
      </c>
    </row>
    <row r="13" spans="1:5" x14ac:dyDescent="0.35">
      <c r="A13" s="4" t="s">
        <v>27</v>
      </c>
      <c r="B13" s="4" t="s">
        <v>38</v>
      </c>
      <c r="D13" s="4" t="s">
        <v>39</v>
      </c>
      <c r="E13" s="4" t="s">
        <v>40</v>
      </c>
    </row>
    <row r="14" spans="1:5" x14ac:dyDescent="0.35">
      <c r="A14" s="4" t="s">
        <v>31</v>
      </c>
      <c r="B14" s="4" t="s">
        <v>41</v>
      </c>
      <c r="D14" s="4" t="s">
        <v>42</v>
      </c>
      <c r="E14" s="4" t="s">
        <v>43</v>
      </c>
    </row>
    <row r="15" spans="1:5" x14ac:dyDescent="0.35">
      <c r="A15" s="4" t="s">
        <v>137</v>
      </c>
      <c r="B15" s="4" t="s">
        <v>44</v>
      </c>
      <c r="D15" s="4" t="s">
        <v>45</v>
      </c>
      <c r="E15" s="4" t="s">
        <v>46</v>
      </c>
    </row>
    <row r="16" spans="1:5" x14ac:dyDescent="0.35">
      <c r="A16" s="4" t="s">
        <v>36</v>
      </c>
      <c r="B16" s="4" t="s">
        <v>47</v>
      </c>
      <c r="D16" s="4" t="s">
        <v>48</v>
      </c>
      <c r="E16" s="4" t="s">
        <v>49</v>
      </c>
    </row>
    <row r="17" spans="1:5" x14ac:dyDescent="0.35">
      <c r="A17" s="4" t="s">
        <v>39</v>
      </c>
      <c r="B17" s="4" t="s">
        <v>50</v>
      </c>
      <c r="D17" s="4" t="s">
        <v>51</v>
      </c>
      <c r="E17" s="4" t="s">
        <v>52</v>
      </c>
    </row>
    <row r="18" spans="1:5" ht="29" x14ac:dyDescent="0.35">
      <c r="A18" s="4" t="s">
        <v>42</v>
      </c>
      <c r="B18" s="4" t="s">
        <v>53</v>
      </c>
      <c r="D18" s="4" t="s">
        <v>54</v>
      </c>
      <c r="E18" s="4" t="s">
        <v>55</v>
      </c>
    </row>
    <row r="19" spans="1:5" x14ac:dyDescent="0.35">
      <c r="A19" s="4" t="s">
        <v>45</v>
      </c>
      <c r="B19" s="4" t="s">
        <v>56</v>
      </c>
    </row>
    <row r="20" spans="1:5" x14ac:dyDescent="0.35">
      <c r="A20" s="4" t="s">
        <v>48</v>
      </c>
      <c r="B20" s="4" t="s">
        <v>57</v>
      </c>
    </row>
    <row r="21" spans="1:5" x14ac:dyDescent="0.35">
      <c r="A21" s="4" t="s">
        <v>51</v>
      </c>
      <c r="B21" s="4" t="s">
        <v>58</v>
      </c>
    </row>
    <row r="22" spans="1:5" x14ac:dyDescent="0.35">
      <c r="A22" s="6" t="s">
        <v>59</v>
      </c>
      <c r="B22" s="7" t="s">
        <v>60</v>
      </c>
    </row>
    <row r="23" spans="1:5" x14ac:dyDescent="0.35">
      <c r="A23" s="8"/>
      <c r="B23" s="3"/>
    </row>
    <row r="24" spans="1:5" x14ac:dyDescent="0.35">
      <c r="A24" s="6" t="s">
        <v>61</v>
      </c>
      <c r="B24" s="7" t="s">
        <v>62</v>
      </c>
    </row>
    <row r="25" spans="1:5" x14ac:dyDescent="0.35">
      <c r="A25" s="8"/>
      <c r="B25" s="3"/>
    </row>
    <row r="26" spans="1:5" x14ac:dyDescent="0.35">
      <c r="A26" s="6" t="s">
        <v>63</v>
      </c>
      <c r="B26" s="7" t="s">
        <v>64</v>
      </c>
    </row>
    <row r="27" spans="1:5" x14ac:dyDescent="0.35">
      <c r="A27" s="8"/>
      <c r="B27" s="9"/>
    </row>
    <row r="28" spans="1:5" x14ac:dyDescent="0.35">
      <c r="A28" s="6" t="s">
        <v>65</v>
      </c>
      <c r="B28" s="7" t="s">
        <v>66</v>
      </c>
    </row>
    <row r="29" spans="1:5" x14ac:dyDescent="0.35">
      <c r="A29" s="8"/>
      <c r="B29" s="9"/>
    </row>
    <row r="30" spans="1:5" x14ac:dyDescent="0.35">
      <c r="A30" s="6" t="s">
        <v>67</v>
      </c>
      <c r="B30" s="7" t="s">
        <v>68</v>
      </c>
    </row>
    <row r="31" spans="1:5" x14ac:dyDescent="0.35">
      <c r="A31" s="8"/>
      <c r="B31" s="9"/>
    </row>
    <row r="32" spans="1:5" x14ac:dyDescent="0.35">
      <c r="A32" s="4" t="s">
        <v>69</v>
      </c>
      <c r="B32" s="4" t="s">
        <v>70</v>
      </c>
    </row>
    <row r="33" spans="1:2" ht="29" x14ac:dyDescent="0.35">
      <c r="A33" s="4" t="s">
        <v>71</v>
      </c>
      <c r="B33" s="4" t="s">
        <v>72</v>
      </c>
    </row>
    <row r="34" spans="1:2" ht="87" x14ac:dyDescent="0.35">
      <c r="A34" s="6" t="s">
        <v>73</v>
      </c>
      <c r="B34" s="7" t="s">
        <v>138</v>
      </c>
    </row>
    <row r="35" spans="1:2" x14ac:dyDescent="0.35">
      <c r="A35" s="8"/>
      <c r="B35" s="9"/>
    </row>
    <row r="36" spans="1:2" x14ac:dyDescent="0.35">
      <c r="A36" s="4" t="s">
        <v>74</v>
      </c>
      <c r="B36" s="4" t="s">
        <v>75</v>
      </c>
    </row>
    <row r="37" spans="1:2" x14ac:dyDescent="0.35">
      <c r="A37" s="6" t="s">
        <v>76</v>
      </c>
      <c r="B37" s="7" t="s">
        <v>77</v>
      </c>
    </row>
    <row r="38" spans="1:2" x14ac:dyDescent="0.35">
      <c r="A38" s="8"/>
      <c r="B38" s="9"/>
    </row>
    <row r="39" spans="1:2" x14ac:dyDescent="0.35">
      <c r="A39" s="4" t="s">
        <v>78</v>
      </c>
      <c r="B39" s="4" t="s">
        <v>79</v>
      </c>
    </row>
    <row r="40" spans="1:2" ht="29" x14ac:dyDescent="0.35">
      <c r="A40" s="4" t="s">
        <v>80</v>
      </c>
      <c r="B40" s="4" t="s">
        <v>81</v>
      </c>
    </row>
    <row r="41" spans="1:2" x14ac:dyDescent="0.35">
      <c r="A41" s="4" t="s">
        <v>82</v>
      </c>
      <c r="B41" s="4" t="s">
        <v>83</v>
      </c>
    </row>
    <row r="42" spans="1:2" x14ac:dyDescent="0.35">
      <c r="A42" s="4" t="s">
        <v>84</v>
      </c>
      <c r="B42" s="4" t="s">
        <v>85</v>
      </c>
    </row>
    <row r="43" spans="1:2" x14ac:dyDescent="0.35">
      <c r="A43" s="6" t="s">
        <v>86</v>
      </c>
      <c r="B43" s="7" t="s">
        <v>87</v>
      </c>
    </row>
    <row r="44" spans="1:2" x14ac:dyDescent="0.35">
      <c r="A44" s="8"/>
      <c r="B44" s="9"/>
    </row>
    <row r="45" spans="1:2" x14ac:dyDescent="0.35">
      <c r="A45" s="6" t="s">
        <v>88</v>
      </c>
      <c r="B45" s="7" t="s">
        <v>87</v>
      </c>
    </row>
    <row r="46" spans="1:2" x14ac:dyDescent="0.35">
      <c r="A46" s="8"/>
      <c r="B46" s="9"/>
    </row>
    <row r="47" spans="1:2" x14ac:dyDescent="0.35">
      <c r="A47" s="4" t="s">
        <v>89</v>
      </c>
      <c r="B47" s="4" t="s">
        <v>90</v>
      </c>
    </row>
    <row r="48" spans="1:2" x14ac:dyDescent="0.35">
      <c r="A48" s="4" t="s">
        <v>91</v>
      </c>
      <c r="B48" s="4" t="s">
        <v>92</v>
      </c>
    </row>
    <row r="49" spans="1:2" x14ac:dyDescent="0.35">
      <c r="A49" s="4" t="s">
        <v>93</v>
      </c>
      <c r="B49" s="4" t="s">
        <v>94</v>
      </c>
    </row>
    <row r="50" spans="1:2" x14ac:dyDescent="0.35">
      <c r="A50" s="4" t="s">
        <v>95</v>
      </c>
      <c r="B50" s="4" t="s">
        <v>96</v>
      </c>
    </row>
    <row r="51" spans="1:2" x14ac:dyDescent="0.35">
      <c r="A51" s="6" t="s">
        <v>97</v>
      </c>
      <c r="B51" s="7" t="s">
        <v>87</v>
      </c>
    </row>
    <row r="52" spans="1:2" x14ac:dyDescent="0.35">
      <c r="A52" s="8"/>
      <c r="B52" s="9"/>
    </row>
    <row r="53" spans="1:2" x14ac:dyDescent="0.35">
      <c r="A53" s="4" t="s">
        <v>98</v>
      </c>
      <c r="B53" s="4" t="s">
        <v>87</v>
      </c>
    </row>
    <row r="54" spans="1:2" x14ac:dyDescent="0.35">
      <c r="A54" s="4" t="s">
        <v>99</v>
      </c>
      <c r="B54" s="4" t="s">
        <v>87</v>
      </c>
    </row>
    <row r="55" spans="1:2" x14ac:dyDescent="0.35">
      <c r="A55" s="6" t="s">
        <v>100</v>
      </c>
      <c r="B55" s="7" t="s">
        <v>87</v>
      </c>
    </row>
    <row r="56" spans="1:2" x14ac:dyDescent="0.35">
      <c r="A56" s="8"/>
      <c r="B56" s="9"/>
    </row>
    <row r="57" spans="1:2" x14ac:dyDescent="0.35">
      <c r="A57" s="6" t="s">
        <v>101</v>
      </c>
      <c r="B57" s="7" t="s">
        <v>87</v>
      </c>
    </row>
    <row r="58" spans="1:2" x14ac:dyDescent="0.35">
      <c r="A58" s="8"/>
      <c r="B58" s="9"/>
    </row>
    <row r="59" spans="1:2" ht="29" x14ac:dyDescent="0.35">
      <c r="A59" s="6" t="s">
        <v>102</v>
      </c>
      <c r="B59" s="7" t="s">
        <v>103</v>
      </c>
    </row>
    <row r="60" spans="1:2" x14ac:dyDescent="0.35">
      <c r="A60" s="8"/>
      <c r="B60" s="9"/>
    </row>
    <row r="61" spans="1:2" x14ac:dyDescent="0.35">
      <c r="A61" s="6" t="s">
        <v>104</v>
      </c>
      <c r="B61" s="7" t="s">
        <v>77</v>
      </c>
    </row>
    <row r="62" spans="1:2" x14ac:dyDescent="0.35">
      <c r="A62" s="8"/>
      <c r="B62" s="9"/>
    </row>
    <row r="63" spans="1:2" ht="29" x14ac:dyDescent="0.35">
      <c r="A63" s="6" t="s">
        <v>105</v>
      </c>
      <c r="B63" s="7" t="s">
        <v>106</v>
      </c>
    </row>
    <row r="64" spans="1:2" x14ac:dyDescent="0.35">
      <c r="A64" s="8"/>
      <c r="B64" s="9"/>
    </row>
    <row r="65" spans="1:2" x14ac:dyDescent="0.35">
      <c r="A65" s="6" t="s">
        <v>139</v>
      </c>
      <c r="B65" s="7" t="s">
        <v>107</v>
      </c>
    </row>
    <row r="66" spans="1:2" x14ac:dyDescent="0.35">
      <c r="A66" s="8"/>
      <c r="B66" s="9"/>
    </row>
    <row r="67" spans="1:2" ht="29" x14ac:dyDescent="0.35">
      <c r="A67" s="6" t="s">
        <v>140</v>
      </c>
      <c r="B67" s="7" t="s">
        <v>108</v>
      </c>
    </row>
    <row r="68" spans="1:2" x14ac:dyDescent="0.35">
      <c r="A68" s="8"/>
      <c r="B68" s="9"/>
    </row>
    <row r="69" spans="1:2" x14ac:dyDescent="0.35">
      <c r="A69" s="6" t="s">
        <v>141</v>
      </c>
      <c r="B69" s="7" t="s">
        <v>109</v>
      </c>
    </row>
    <row r="70" spans="1:2" x14ac:dyDescent="0.35">
      <c r="A70" s="8"/>
      <c r="B70" s="9"/>
    </row>
    <row r="71" spans="1:2" x14ac:dyDescent="0.35">
      <c r="A71" s="6" t="s">
        <v>142</v>
      </c>
      <c r="B71" s="7" t="s">
        <v>110</v>
      </c>
    </row>
    <row r="72" spans="1:2" x14ac:dyDescent="0.35">
      <c r="A72" s="8"/>
      <c r="B72" s="9"/>
    </row>
    <row r="73" spans="1:2" x14ac:dyDescent="0.35">
      <c r="A73" s="6" t="s">
        <v>143</v>
      </c>
      <c r="B73" s="7" t="s">
        <v>111</v>
      </c>
    </row>
    <row r="74" spans="1:2" x14ac:dyDescent="0.35">
      <c r="A74" s="8"/>
      <c r="B74" s="9"/>
    </row>
    <row r="75" spans="1:2" x14ac:dyDescent="0.35">
      <c r="A75" s="4" t="s">
        <v>112</v>
      </c>
      <c r="B75" s="4" t="s">
        <v>87</v>
      </c>
    </row>
    <row r="76" spans="1:2" x14ac:dyDescent="0.35">
      <c r="A76" s="6" t="s">
        <v>113</v>
      </c>
      <c r="B76" s="7" t="s">
        <v>114</v>
      </c>
    </row>
    <row r="77" spans="1:2" x14ac:dyDescent="0.35">
      <c r="A77" s="8"/>
      <c r="B77" s="9"/>
    </row>
    <row r="78" spans="1:2" x14ac:dyDescent="0.35">
      <c r="A78" s="6" t="s">
        <v>115</v>
      </c>
      <c r="B78" s="7" t="s">
        <v>116</v>
      </c>
    </row>
    <row r="79" spans="1:2" x14ac:dyDescent="0.35">
      <c r="A79" s="8"/>
      <c r="B79" s="9"/>
    </row>
    <row r="80" spans="1:2" x14ac:dyDescent="0.35">
      <c r="A80" s="6" t="s">
        <v>144</v>
      </c>
      <c r="B80" s="7" t="s">
        <v>117</v>
      </c>
    </row>
    <row r="81" spans="1:2" x14ac:dyDescent="0.35">
      <c r="A81" s="8"/>
      <c r="B81" s="9"/>
    </row>
    <row r="82" spans="1:2" x14ac:dyDescent="0.35">
      <c r="A82" s="6" t="s">
        <v>145</v>
      </c>
      <c r="B82" s="7" t="s">
        <v>118</v>
      </c>
    </row>
    <row r="83" spans="1:2" x14ac:dyDescent="0.35">
      <c r="A83" s="8"/>
      <c r="B83" s="9"/>
    </row>
    <row r="84" spans="1:2" ht="29" x14ac:dyDescent="0.35">
      <c r="A84" s="6" t="s">
        <v>146</v>
      </c>
      <c r="B84" s="7" t="s">
        <v>119</v>
      </c>
    </row>
    <row r="85" spans="1:2" x14ac:dyDescent="0.35">
      <c r="A85" s="8"/>
      <c r="B85" s="9"/>
    </row>
    <row r="86" spans="1:2" x14ac:dyDescent="0.35">
      <c r="A86" s="6" t="s">
        <v>147</v>
      </c>
      <c r="B86" s="7" t="s">
        <v>120</v>
      </c>
    </row>
    <row r="87" spans="1:2" x14ac:dyDescent="0.35">
      <c r="A87" s="8"/>
      <c r="B87" s="9"/>
    </row>
    <row r="88" spans="1:2" x14ac:dyDescent="0.35">
      <c r="A88" s="6" t="s">
        <v>148</v>
      </c>
      <c r="B88" s="7" t="s">
        <v>121</v>
      </c>
    </row>
    <row r="89" spans="1:2" x14ac:dyDescent="0.35">
      <c r="A89" s="8"/>
      <c r="B89" s="9"/>
    </row>
    <row r="90" spans="1:2" x14ac:dyDescent="0.35">
      <c r="A90" s="6" t="s">
        <v>149</v>
      </c>
      <c r="B90" s="7" t="s">
        <v>122</v>
      </c>
    </row>
    <row r="91" spans="1:2" x14ac:dyDescent="0.35">
      <c r="A91" s="8"/>
      <c r="B91" s="9"/>
    </row>
    <row r="92" spans="1:2" x14ac:dyDescent="0.35">
      <c r="A92" s="6" t="s">
        <v>150</v>
      </c>
      <c r="B92" s="7" t="s">
        <v>123</v>
      </c>
    </row>
    <row r="93" spans="1:2" x14ac:dyDescent="0.35">
      <c r="A93" s="8"/>
      <c r="B93" s="9"/>
    </row>
    <row r="94" spans="1:2" ht="29" x14ac:dyDescent="0.35">
      <c r="A94" s="6" t="s">
        <v>151</v>
      </c>
      <c r="B94" s="7" t="s">
        <v>124</v>
      </c>
    </row>
    <row r="95" spans="1:2" x14ac:dyDescent="0.35">
      <c r="A95" s="8"/>
      <c r="B95" s="9"/>
    </row>
    <row r="96" spans="1:2" ht="29" x14ac:dyDescent="0.35">
      <c r="A96" s="4" t="s">
        <v>152</v>
      </c>
      <c r="B96" s="4" t="s">
        <v>125</v>
      </c>
    </row>
    <row r="97" spans="1:2" x14ac:dyDescent="0.35">
      <c r="A97" s="4" t="s">
        <v>126</v>
      </c>
      <c r="B97" s="4" t="s">
        <v>87</v>
      </c>
    </row>
    <row r="98" spans="1:2" x14ac:dyDescent="0.35">
      <c r="A98" s="4" t="s">
        <v>127</v>
      </c>
      <c r="B98" s="4" t="s">
        <v>87</v>
      </c>
    </row>
    <row r="99" spans="1:2" x14ac:dyDescent="0.35">
      <c r="A99" s="6" t="s">
        <v>128</v>
      </c>
      <c r="B99" s="7" t="s">
        <v>129</v>
      </c>
    </row>
    <row r="100" spans="1:2" x14ac:dyDescent="0.35">
      <c r="A100" s="8"/>
      <c r="B100" s="9"/>
    </row>
    <row r="101" spans="1:2" x14ac:dyDescent="0.35">
      <c r="A101" s="6" t="s">
        <v>130</v>
      </c>
      <c r="B101" s="7" t="s">
        <v>131</v>
      </c>
    </row>
    <row r="102" spans="1:2" x14ac:dyDescent="0.35">
      <c r="A102" s="8"/>
      <c r="B102" s="9"/>
    </row>
    <row r="103" spans="1:2" x14ac:dyDescent="0.35">
      <c r="A103" s="6" t="s">
        <v>132</v>
      </c>
      <c r="B103" s="7" t="s">
        <v>133</v>
      </c>
    </row>
    <row r="104" spans="1:2" x14ac:dyDescent="0.35">
      <c r="A104" s="8"/>
      <c r="B104" s="9"/>
    </row>
  </sheetData>
  <mergeCells count="34">
    <mergeCell ref="A94:A95"/>
    <mergeCell ref="A99:A100"/>
    <mergeCell ref="A101:A102"/>
    <mergeCell ref="A103:A104"/>
    <mergeCell ref="A82:A83"/>
    <mergeCell ref="A84:A85"/>
    <mergeCell ref="A86:A87"/>
    <mergeCell ref="A88:A89"/>
    <mergeCell ref="A90:A91"/>
    <mergeCell ref="A92:A93"/>
    <mergeCell ref="A69:A70"/>
    <mergeCell ref="A71:A72"/>
    <mergeCell ref="A73:A74"/>
    <mergeCell ref="A76:A77"/>
    <mergeCell ref="A78:A79"/>
    <mergeCell ref="A80:A81"/>
    <mergeCell ref="A57:A58"/>
    <mergeCell ref="A59:A60"/>
    <mergeCell ref="A61:A62"/>
    <mergeCell ref="A63:A64"/>
    <mergeCell ref="A65:A66"/>
    <mergeCell ref="A67:A68"/>
    <mergeCell ref="A34:A35"/>
    <mergeCell ref="A37:A38"/>
    <mergeCell ref="A43:A44"/>
    <mergeCell ref="A45:A46"/>
    <mergeCell ref="A51:A52"/>
    <mergeCell ref="A55:A56"/>
    <mergeCell ref="A5:A6"/>
    <mergeCell ref="A22:A23"/>
    <mergeCell ref="A24:A25"/>
    <mergeCell ref="A26:A27"/>
    <mergeCell ref="A28:A29"/>
    <mergeCell ref="A30:A3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atchiappan, Sampathkumar</dc:creator>
  <cp:lastModifiedBy>Ratchiappan, Sampathkumar</cp:lastModifiedBy>
  <dcterms:created xsi:type="dcterms:W3CDTF">2019-11-06T11:27:36Z</dcterms:created>
  <dcterms:modified xsi:type="dcterms:W3CDTF">2019-11-06T11:31:04Z</dcterms:modified>
</cp:coreProperties>
</file>